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>
        <p:scale>
          <a:sx n="66" d="100"/>
          <a:sy n="66" d="100"/>
        </p:scale>
        <p:origin x="-432" y="187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8/17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1585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9DF7681B-B3F6-55C6-DA7B-DD1B6E2870D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01755873"/>
              </p:ext>
            </p:extLst>
          </p:nvPr>
        </p:nvGraphicFramePr>
        <p:xfrm>
          <a:off x="4668839" y="5310906"/>
          <a:ext cx="5102181" cy="1405072"/>
        </p:xfrm>
        <a:graphic>
          <a:graphicData uri="http://schemas.openxmlformats.org/drawingml/2006/table">
            <a:tbl>
              <a:tblPr/>
              <a:tblGrid>
                <a:gridCol w="728883">
                  <a:extLst>
                    <a:ext uri="{9D8B030D-6E8A-4147-A177-3AD203B41FA5}">
                      <a16:colId xmlns:a16="http://schemas.microsoft.com/office/drawing/2014/main" val="2318008074"/>
                    </a:ext>
                  </a:extLst>
                </a:gridCol>
                <a:gridCol w="728883">
                  <a:extLst>
                    <a:ext uri="{9D8B030D-6E8A-4147-A177-3AD203B41FA5}">
                      <a16:colId xmlns:a16="http://schemas.microsoft.com/office/drawing/2014/main" val="3173300109"/>
                    </a:ext>
                  </a:extLst>
                </a:gridCol>
                <a:gridCol w="728883">
                  <a:extLst>
                    <a:ext uri="{9D8B030D-6E8A-4147-A177-3AD203B41FA5}">
                      <a16:colId xmlns:a16="http://schemas.microsoft.com/office/drawing/2014/main" val="4105347100"/>
                    </a:ext>
                  </a:extLst>
                </a:gridCol>
                <a:gridCol w="728883">
                  <a:extLst>
                    <a:ext uri="{9D8B030D-6E8A-4147-A177-3AD203B41FA5}">
                      <a16:colId xmlns:a16="http://schemas.microsoft.com/office/drawing/2014/main" val="2521405261"/>
                    </a:ext>
                  </a:extLst>
                </a:gridCol>
                <a:gridCol w="728883">
                  <a:extLst>
                    <a:ext uri="{9D8B030D-6E8A-4147-A177-3AD203B41FA5}">
                      <a16:colId xmlns:a16="http://schemas.microsoft.com/office/drawing/2014/main" val="3445346896"/>
                    </a:ext>
                  </a:extLst>
                </a:gridCol>
                <a:gridCol w="728883">
                  <a:extLst>
                    <a:ext uri="{9D8B030D-6E8A-4147-A177-3AD203B41FA5}">
                      <a16:colId xmlns:a16="http://schemas.microsoft.com/office/drawing/2014/main" val="3921544035"/>
                    </a:ext>
                  </a:extLst>
                </a:gridCol>
                <a:gridCol w="728883">
                  <a:extLst>
                    <a:ext uri="{9D8B030D-6E8A-4147-A177-3AD203B41FA5}">
                      <a16:colId xmlns:a16="http://schemas.microsoft.com/office/drawing/2014/main" val="3784977797"/>
                    </a:ext>
                  </a:extLst>
                </a:gridCol>
              </a:tblGrid>
              <a:tr h="332181">
                <a:tc gridSpan="5">
                  <a:txBody>
                    <a:bodyPr/>
                    <a:lstStyle/>
                    <a:p>
                      <a:pPr algn="l" rtl="0" fontAlgn="ctr"/>
                      <a:r>
                        <a:rPr lang="en-US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Sensitising firm value ($m) and implied offer price to WACC and TG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71923063"/>
                  </a:ext>
                </a:extLst>
              </a:tr>
              <a:tr h="166090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IN" sz="1000" b="0" i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Perpetuity Growth Rate (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501264732"/>
                  </a:ext>
                </a:extLst>
              </a:tr>
              <a:tr h="242441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IN" sz="1000" b="0" i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WACC (%)</a:t>
                      </a:r>
                    </a:p>
                  </a:txBody>
                  <a:tcPr marL="0" marR="0" marT="0" marB="0" vert="vert27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0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2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5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7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1.0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18944575"/>
                  </a:ext>
                </a:extLst>
              </a:tr>
              <a:tr h="132872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7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8 / 409c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15 / 417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4 / 427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53 / 437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75 / 447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20875879"/>
                  </a:ext>
                </a:extLst>
              </a:tr>
              <a:tr h="132872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8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38 / 379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53 / 386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68 / 394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85 / 40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03 / 41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12769380"/>
                  </a:ext>
                </a:extLst>
              </a:tr>
              <a:tr h="132872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8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86 / 352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98 / 35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11 / 365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25 / 37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40 / 380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08061275"/>
                  </a:ext>
                </a:extLst>
              </a:tr>
              <a:tr h="132872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9 / 329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50 / 334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61 / 340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73 / 346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86 / 35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341475134"/>
                  </a:ext>
                </a:extLst>
              </a:tr>
              <a:tr h="132872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9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98 / 308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7 / 313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7 / 318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27 / 323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7 / 328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64855558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DEFB2E11-20A4-9E69-96A8-EBEAF928D7F6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203559596"/>
              </p:ext>
            </p:extLst>
          </p:nvPr>
        </p:nvGraphicFramePr>
        <p:xfrm>
          <a:off x="795528" y="5344380"/>
          <a:ext cx="3606654" cy="1405071"/>
        </p:xfrm>
        <a:graphic>
          <a:graphicData uri="http://schemas.openxmlformats.org/drawingml/2006/table">
            <a:tbl>
              <a:tblPr/>
              <a:tblGrid>
                <a:gridCol w="1460780">
                  <a:extLst>
                    <a:ext uri="{9D8B030D-6E8A-4147-A177-3AD203B41FA5}">
                      <a16:colId xmlns:a16="http://schemas.microsoft.com/office/drawing/2014/main" val="2884661965"/>
                    </a:ext>
                  </a:extLst>
                </a:gridCol>
                <a:gridCol w="27619">
                  <a:extLst>
                    <a:ext uri="{9D8B030D-6E8A-4147-A177-3AD203B41FA5}">
                      <a16:colId xmlns:a16="http://schemas.microsoft.com/office/drawing/2014/main" val="509586759"/>
                    </a:ext>
                  </a:extLst>
                </a:gridCol>
                <a:gridCol w="1410513">
                  <a:extLst>
                    <a:ext uri="{9D8B030D-6E8A-4147-A177-3AD203B41FA5}">
                      <a16:colId xmlns:a16="http://schemas.microsoft.com/office/drawing/2014/main" val="1463132548"/>
                    </a:ext>
                  </a:extLst>
                </a:gridCol>
                <a:gridCol w="707742">
                  <a:extLst>
                    <a:ext uri="{9D8B030D-6E8A-4147-A177-3AD203B41FA5}">
                      <a16:colId xmlns:a16="http://schemas.microsoft.com/office/drawing/2014/main" val="4206231787"/>
                    </a:ext>
                  </a:extLst>
                </a:gridCol>
              </a:tblGrid>
              <a:tr h="156119">
                <a:tc rowSpan="2" gridSpan="2">
                  <a:txBody>
                    <a:bodyPr/>
                    <a:lstStyle/>
                    <a:p>
                      <a:pPr algn="l" rtl="0" fontAlgn="ctr"/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Value Based on 09% WACC &amp; 01% TG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Amount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% of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37664689"/>
                  </a:ext>
                </a:extLst>
              </a:tr>
              <a:tr h="156119">
                <a:tc gridSpan="2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41474809"/>
                  </a:ext>
                </a:extLst>
              </a:tr>
              <a:tr h="1561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resent Value of Cashflow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97820021"/>
                  </a:ext>
                </a:extLst>
              </a:tr>
              <a:tr h="1561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V of Terminal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8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36508621"/>
                  </a:ext>
                </a:extLst>
              </a:tr>
              <a:tr h="1561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Implied Firm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27395548"/>
                  </a:ext>
                </a:extLst>
              </a:tr>
              <a:tr h="1561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debt &amp; adjustment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8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40297786"/>
                  </a:ext>
                </a:extLst>
              </a:tr>
              <a:tr h="1561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Implied equity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0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74377222"/>
                  </a:ext>
                </a:extLst>
              </a:tr>
              <a:tr h="1561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share price ($c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40042400"/>
                  </a:ext>
                </a:extLst>
              </a:tr>
              <a:tr h="1561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premium to current</a:t>
                      </a:r>
                    </a:p>
                  </a:txBody>
                  <a:tcPr marL="11430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10454010"/>
                  </a:ext>
                </a:extLst>
              </a:tr>
            </a:tbl>
          </a:graphicData>
        </a:graphic>
      </p:graphicFrame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BBF8C353-FDB1-2430-D5E6-6E2D47126A8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72667311"/>
              </p:ext>
            </p:extLst>
          </p:nvPr>
        </p:nvGraphicFramePr>
        <p:xfrm>
          <a:off x="795338" y="1496457"/>
          <a:ext cx="9107487" cy="3610268"/>
        </p:xfrm>
        <a:graphic>
          <a:graphicData uri="http://schemas.openxmlformats.org/drawingml/2006/table">
            <a:tbl>
              <a:tblPr/>
              <a:tblGrid>
                <a:gridCol w="433690">
                  <a:extLst>
                    <a:ext uri="{9D8B030D-6E8A-4147-A177-3AD203B41FA5}">
                      <a16:colId xmlns:a16="http://schemas.microsoft.com/office/drawing/2014/main" val="4033620759"/>
                    </a:ext>
                  </a:extLst>
                </a:gridCol>
                <a:gridCol w="546315">
                  <a:extLst>
                    <a:ext uri="{9D8B030D-6E8A-4147-A177-3AD203B41FA5}">
                      <a16:colId xmlns:a16="http://schemas.microsoft.com/office/drawing/2014/main" val="829351786"/>
                    </a:ext>
                  </a:extLst>
                </a:gridCol>
                <a:gridCol w="546315">
                  <a:extLst>
                    <a:ext uri="{9D8B030D-6E8A-4147-A177-3AD203B41FA5}">
                      <a16:colId xmlns:a16="http://schemas.microsoft.com/office/drawing/2014/main" val="2083393175"/>
                    </a:ext>
                  </a:extLst>
                </a:gridCol>
                <a:gridCol w="420243">
                  <a:extLst>
                    <a:ext uri="{9D8B030D-6E8A-4147-A177-3AD203B41FA5}">
                      <a16:colId xmlns:a16="http://schemas.microsoft.com/office/drawing/2014/main" val="625369040"/>
                    </a:ext>
                  </a:extLst>
                </a:gridCol>
                <a:gridCol w="53550">
                  <a:extLst>
                    <a:ext uri="{9D8B030D-6E8A-4147-A177-3AD203B41FA5}">
                      <a16:colId xmlns:a16="http://schemas.microsoft.com/office/drawing/2014/main" val="4234877131"/>
                    </a:ext>
                  </a:extLst>
                </a:gridCol>
                <a:gridCol w="400312">
                  <a:extLst>
                    <a:ext uri="{9D8B030D-6E8A-4147-A177-3AD203B41FA5}">
                      <a16:colId xmlns:a16="http://schemas.microsoft.com/office/drawing/2014/main" val="12902362"/>
                    </a:ext>
                  </a:extLst>
                </a:gridCol>
                <a:gridCol w="571529">
                  <a:extLst>
                    <a:ext uri="{9D8B030D-6E8A-4147-A177-3AD203B41FA5}">
                      <a16:colId xmlns:a16="http://schemas.microsoft.com/office/drawing/2014/main" val="3912848718"/>
                    </a:ext>
                  </a:extLst>
                </a:gridCol>
                <a:gridCol w="571529">
                  <a:extLst>
                    <a:ext uri="{9D8B030D-6E8A-4147-A177-3AD203B41FA5}">
                      <a16:colId xmlns:a16="http://schemas.microsoft.com/office/drawing/2014/main" val="186111486"/>
                    </a:ext>
                  </a:extLst>
                </a:gridCol>
                <a:gridCol w="571529">
                  <a:extLst>
                    <a:ext uri="{9D8B030D-6E8A-4147-A177-3AD203B41FA5}">
                      <a16:colId xmlns:a16="http://schemas.microsoft.com/office/drawing/2014/main" val="2145514342"/>
                    </a:ext>
                  </a:extLst>
                </a:gridCol>
                <a:gridCol w="571529">
                  <a:extLst>
                    <a:ext uri="{9D8B030D-6E8A-4147-A177-3AD203B41FA5}">
                      <a16:colId xmlns:a16="http://schemas.microsoft.com/office/drawing/2014/main" val="983370018"/>
                    </a:ext>
                  </a:extLst>
                </a:gridCol>
                <a:gridCol w="370281">
                  <a:extLst>
                    <a:ext uri="{9D8B030D-6E8A-4147-A177-3AD203B41FA5}">
                      <a16:colId xmlns:a16="http://schemas.microsoft.com/office/drawing/2014/main" val="3660446048"/>
                    </a:ext>
                  </a:extLst>
                </a:gridCol>
                <a:gridCol w="772777">
                  <a:extLst>
                    <a:ext uri="{9D8B030D-6E8A-4147-A177-3AD203B41FA5}">
                      <a16:colId xmlns:a16="http://schemas.microsoft.com/office/drawing/2014/main" val="1466882022"/>
                    </a:ext>
                  </a:extLst>
                </a:gridCol>
                <a:gridCol w="571529">
                  <a:extLst>
                    <a:ext uri="{9D8B030D-6E8A-4147-A177-3AD203B41FA5}">
                      <a16:colId xmlns:a16="http://schemas.microsoft.com/office/drawing/2014/main" val="1483298694"/>
                    </a:ext>
                  </a:extLst>
                </a:gridCol>
                <a:gridCol w="571529">
                  <a:extLst>
                    <a:ext uri="{9D8B030D-6E8A-4147-A177-3AD203B41FA5}">
                      <a16:colId xmlns:a16="http://schemas.microsoft.com/office/drawing/2014/main" val="1741306034"/>
                    </a:ext>
                  </a:extLst>
                </a:gridCol>
                <a:gridCol w="571529">
                  <a:extLst>
                    <a:ext uri="{9D8B030D-6E8A-4147-A177-3AD203B41FA5}">
                      <a16:colId xmlns:a16="http://schemas.microsoft.com/office/drawing/2014/main" val="249089250"/>
                    </a:ext>
                  </a:extLst>
                </a:gridCol>
                <a:gridCol w="571529">
                  <a:extLst>
                    <a:ext uri="{9D8B030D-6E8A-4147-A177-3AD203B41FA5}">
                      <a16:colId xmlns:a16="http://schemas.microsoft.com/office/drawing/2014/main" val="3217377969"/>
                    </a:ext>
                  </a:extLst>
                </a:gridCol>
                <a:gridCol w="571529">
                  <a:extLst>
                    <a:ext uri="{9D8B030D-6E8A-4147-A177-3AD203B41FA5}">
                      <a16:colId xmlns:a16="http://schemas.microsoft.com/office/drawing/2014/main" val="161824311"/>
                    </a:ext>
                  </a:extLst>
                </a:gridCol>
                <a:gridCol w="420243">
                  <a:extLst>
                    <a:ext uri="{9D8B030D-6E8A-4147-A177-3AD203B41FA5}">
                      <a16:colId xmlns:a16="http://schemas.microsoft.com/office/drawing/2014/main" val="1880025820"/>
                    </a:ext>
                  </a:extLst>
                </a:gridCol>
              </a:tblGrid>
              <a:tr h="111964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33829568"/>
                  </a:ext>
                </a:extLst>
              </a:tr>
              <a:tr h="210558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90109938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1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8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0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3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253655858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5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5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660350577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154570064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27924566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9633136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408330577"/>
                  </a:ext>
                </a:extLst>
              </a:tr>
              <a:tr h="2105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4065899"/>
                  </a:ext>
                </a:extLst>
              </a:tr>
              <a:tr h="2105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3482446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61331284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58870697"/>
                  </a:ext>
                </a:extLst>
              </a:tr>
              <a:tr h="2105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73100637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91721745"/>
                  </a:ext>
                </a:extLst>
              </a:tr>
              <a:tr h="111964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4819636"/>
                  </a:ext>
                </a:extLst>
              </a:tr>
              <a:tr h="2105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27078802"/>
                  </a:ext>
                </a:extLst>
              </a:tr>
              <a:tr h="111964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87297270"/>
                  </a:ext>
                </a:extLst>
              </a:tr>
              <a:tr h="111964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065332167"/>
                  </a:ext>
                </a:extLst>
              </a:tr>
              <a:tr h="2105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61970042"/>
                  </a:ext>
                </a:extLst>
              </a:tr>
              <a:tr h="111964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601781737"/>
                  </a:ext>
                </a:extLst>
              </a:tr>
              <a:tr h="2105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2.2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38277723"/>
                  </a:ext>
                </a:extLst>
              </a:tr>
              <a:tr h="210558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87410989"/>
                  </a:ext>
                </a:extLst>
              </a:tr>
              <a:tr h="111964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298665831"/>
                  </a:ext>
                </a:extLst>
              </a:tr>
              <a:tr h="111964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33758157"/>
                  </a:ext>
                </a:extLst>
              </a:tr>
              <a:tr h="111964">
                <a:tc gridSpan="3"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4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36628243"/>
                  </a:ext>
                </a:extLst>
              </a:tr>
            </a:tbl>
          </a:graphicData>
        </a:graphic>
      </p:graphicFrame>
      <p:sp>
        <p:nvSpPr>
          <p:cNvPr id="19" name="Rectangle 18"/>
          <p:cNvSpPr>
            <a:spLocks/>
          </p:cNvSpPr>
          <p:nvPr/>
        </p:nvSpPr>
        <p:spPr>
          <a:xfrm>
            <a:off x="3180560" y="1312863"/>
            <a:ext cx="2772565" cy="3824180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2"/>
            <a:ext cx="3883158" cy="3824180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12</TotalTime>
  <Words>798</Words>
  <Application>Microsoft Office PowerPoint</Application>
  <PresentationFormat>Custom</PresentationFormat>
  <Paragraphs>392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205424 .</cp:lastModifiedBy>
  <cp:revision>866</cp:revision>
  <cp:lastPrinted>2020-01-28T09:55:08Z</cp:lastPrinted>
  <dcterms:created xsi:type="dcterms:W3CDTF">2015-06-19T14:55:37Z</dcterms:created>
  <dcterms:modified xsi:type="dcterms:W3CDTF">2024-08-16T19:32:23Z</dcterms:modified>
</cp:coreProperties>
</file>